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6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chtkarspel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logo&#10;&#10;Automatisch gegenereerde beschrijving">
            <a:extLst>
              <a:ext uri="{FF2B5EF4-FFF2-40B4-BE49-F238E27FC236}">
                <a16:creationId xmlns:a16="http://schemas.microsoft.com/office/drawing/2014/main" id="{2E3A466F-D369-7D76-A3E9-BC627B04512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4763" y="4560410"/>
            <a:ext cx="2042172"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Graphics, logo&#10;&#10;Automatisch gegenereerde beschrijving">
            <a:extLst>
              <a:ext uri="{FF2B5EF4-FFF2-40B4-BE49-F238E27FC236}">
                <a16:creationId xmlns:a16="http://schemas.microsoft.com/office/drawing/2014/main" id="{71533491-6213-99A7-0B6F-475F67D04C8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6189" y="3847786"/>
            <a:ext cx="1419620"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6</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04T14:39:49Z</dcterms:modified>
</cp:coreProperties>
</file>